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4430"/>
  <workbookPr defaultThemeVersion="124226"/>
  <mc:AlternateContent xmlns:mc="http://schemas.openxmlformats.org/markup-compatibility/2006">
    <mc:Choice Requires="x15">
      <x15ac:absPath xmlns:x15ac="http://schemas.microsoft.com/office/spreadsheetml/2010/11/ac" url="Z:\Planeacion\TRANSPARENCIA MAGDALENA\TRANSPARENCIA 2021\TRANSPARENCIA 2021\s7404\2021\3do Trimestre\"/>
    </mc:Choice>
  </mc:AlternateContent>
  <xr:revisionPtr revIDLastSave="0" documentId="13_ncr:1_{AA544D7B-0687-4632-BBB0-D020A0396907}" xr6:coauthVersionLast="47" xr6:coauthVersionMax="47" xr10:uidLastSave="{00000000-0000-0000-0000-000000000000}"/>
  <bookViews>
    <workbookView xWindow="-108" yWindow="-108" windowWidth="23256" windowHeight="12576" xr2:uid="{00000000-000D-0000-FFFF-FFFF00000000}"/>
  </bookViews>
  <sheets>
    <sheet name="Reporte de Formatos" sheetId="1" r:id="rId1"/>
    <sheet name="Tabla_343074" sheetId="2" r:id="rId2"/>
  </sheets>
  <calcPr calcId="125725"/>
</workbook>
</file>

<file path=xl/sharedStrings.xml><?xml version="1.0" encoding="utf-8"?>
<sst xmlns="http://schemas.openxmlformats.org/spreadsheetml/2006/main" count="177" uniqueCount="70">
  <si>
    <t>43815</t>
  </si>
  <si>
    <t>TÍTULO</t>
  </si>
  <si>
    <t>NOMBRE CORTO</t>
  </si>
  <si>
    <t>DESCRIPCIÓN</t>
  </si>
  <si>
    <t xml:space="preserve">Objetivos y metas institucionales </t>
  </si>
  <si>
    <t>N_F4_LTAIPEC_Art74FrIV</t>
  </si>
  <si>
    <t>La información deberá corresponder con las áreas o unidades ejecutoras del gasto que forman parte del sujeto obligado, para cada una de éstas se publicarán sus metas y objetivos vinculados a los programas operativos, presupuestarios, sectoriales, regionales institucionales, especiales, de trabajo y/o anuales en términos de la normatividad aplicable.</t>
  </si>
  <si>
    <t>1</t>
  </si>
  <si>
    <t>4</t>
  </si>
  <si>
    <t>2</t>
  </si>
  <si>
    <t>10</t>
  </si>
  <si>
    <t>7</t>
  </si>
  <si>
    <t>13</t>
  </si>
  <si>
    <t>14</t>
  </si>
  <si>
    <t>343063</t>
  </si>
  <si>
    <t>343071</t>
  </si>
  <si>
    <t>343072</t>
  </si>
  <si>
    <t>343070</t>
  </si>
  <si>
    <t>343064</t>
  </si>
  <si>
    <t>343074</t>
  </si>
  <si>
    <t>343073</t>
  </si>
  <si>
    <t>343068</t>
  </si>
  <si>
    <t>343065</t>
  </si>
  <si>
    <t>343067</t>
  </si>
  <si>
    <t>343069</t>
  </si>
  <si>
    <t>Tabla Campos</t>
  </si>
  <si>
    <t>Ejercicio</t>
  </si>
  <si>
    <t>Fecha de inicio del periodo que se informa</t>
  </si>
  <si>
    <t>Fecha de término del periodo que se informa</t>
  </si>
  <si>
    <t>Denominación del área</t>
  </si>
  <si>
    <t>Descripción breve y clara de cada objetivo institucional</t>
  </si>
  <si>
    <t>Indicadores y metas asociados a cada objetivo 
Tabla_343074</t>
  </si>
  <si>
    <t>Hipervínculo al documento del o los programas operativos, presupuestarios, sectoriales, entre otros</t>
  </si>
  <si>
    <t>Área(s) responsable(s) que genera(n), posee(n), publica(n) y actualizan la información</t>
  </si>
  <si>
    <t>Fecha de validación</t>
  </si>
  <si>
    <t>Fecha de Actualización</t>
  </si>
  <si>
    <t>Nota</t>
  </si>
  <si>
    <t>44458</t>
  </si>
  <si>
    <t>44459</t>
  </si>
  <si>
    <t>44460</t>
  </si>
  <si>
    <t>ID</t>
  </si>
  <si>
    <t>Indicadores asociados</t>
  </si>
  <si>
    <t>Meta del indicador</t>
  </si>
  <si>
    <t>Unidad de medida</t>
  </si>
  <si>
    <t>porcentaje</t>
  </si>
  <si>
    <t>Sistema Municipal de Agua Potable y alcantarillado de Campeche.</t>
  </si>
  <si>
    <t>gestion, eficacia</t>
  </si>
  <si>
    <t>campañas de concientización del cuidado del agua realizadas</t>
  </si>
  <si>
    <t>Concientización a través de pláticas informativas sobre el uso adecuado  del agua.</t>
  </si>
  <si>
    <t>eventos socioculturales enfocados en la concientización en el uso y conservación del agua.</t>
  </si>
  <si>
    <t>limpieza de playas, manglares, ojos de agua y pozos realizadas</t>
  </si>
  <si>
    <t>recorridos guiados en la galería filtrante</t>
  </si>
  <si>
    <t>monitoreo de corladores</t>
  </si>
  <si>
    <t>Suministro de hipoclorito de sodio para la desinfección del agua en zonas rurales y urbanas.</t>
  </si>
  <si>
    <t>estudios de química del agua</t>
  </si>
  <si>
    <t>Programa y ejecución de limpieza y desinfección de tinacos en centros educativos .</t>
  </si>
  <si>
    <t>proyectos ejecutivos de ampliación y rehabilitación de obras, captación y línea de conducción</t>
  </si>
  <si>
    <t>factibilidades de fraccionamientos en zonas urbanas</t>
  </si>
  <si>
    <t>tubería rehabilitados y/ampliados</t>
  </si>
  <si>
    <t>tomas rehabilitadas y/o ampliadas</t>
  </si>
  <si>
    <t>válvulas colocadas</t>
  </si>
  <si>
    <t>pozos y cárcamos rehabilitados</t>
  </si>
  <si>
    <t>equipos electromecánicos rehabilitados</t>
  </si>
  <si>
    <t>supervisiones de obras</t>
  </si>
  <si>
    <t>tomas domiciliarias rehabilitadas</t>
  </si>
  <si>
    <t>servicios de pipas brindados</t>
  </si>
  <si>
    <t>tasa de variación de usuarios del padrón</t>
  </si>
  <si>
    <t>tomas irregulares regularizadas</t>
  </si>
  <si>
    <t>subdireccion de administración, subdireccion de operaciones, infraestructura urbana y rural,subdireccion de comercializacion, comunicación social</t>
  </si>
  <si>
    <t>http://www.smapacampeche.gob.mx/documentos/transp/7404/2021/3/POA2021.pdf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5" x14ac:knownFonts="1">
    <font>
      <sz val="11"/>
      <color indexed="8"/>
      <name val="Calibri"/>
      <family val="2"/>
      <scheme val="minor"/>
    </font>
    <font>
      <b/>
      <sz val="11"/>
      <color indexed="9"/>
      <name val="Arial"/>
      <family val="2"/>
    </font>
    <font>
      <sz val="10"/>
      <color indexed="8"/>
      <name val="Arial"/>
      <family val="2"/>
    </font>
    <font>
      <u/>
      <sz val="11"/>
      <color theme="10"/>
      <name val="Calibri"/>
      <family val="2"/>
    </font>
    <font>
      <sz val="11"/>
      <color rgb="FF000000"/>
      <name val="Calibri"/>
      <family val="2"/>
      <scheme val="minor"/>
    </font>
  </fonts>
  <fills count="4">
    <fill>
      <patternFill patternType="none"/>
    </fill>
    <fill>
      <patternFill patternType="gray125"/>
    </fill>
    <fill>
      <patternFill patternType="solid">
        <fgColor rgb="FF333333"/>
      </patternFill>
    </fill>
    <fill>
      <patternFill patternType="solid">
        <fgColor rgb="FFE1E1E1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2">
    <xf numFmtId="0" fontId="0" fillId="0" borderId="0"/>
    <xf numFmtId="0" fontId="3" fillId="0" borderId="0" applyNumberFormat="0" applyFill="0" applyBorder="0" applyAlignment="0" applyProtection="0">
      <alignment vertical="top"/>
      <protection locked="0"/>
    </xf>
  </cellStyleXfs>
  <cellXfs count="11">
    <xf numFmtId="0" fontId="0" fillId="0" borderId="0" xfId="0"/>
    <xf numFmtId="0" fontId="1" fillId="2" borderId="1" xfId="0" applyFont="1" applyFill="1" applyBorder="1" applyAlignment="1">
      <alignment horizontal="center" wrapText="1"/>
    </xf>
    <xf numFmtId="0" fontId="2" fillId="3" borderId="1" xfId="0" applyFont="1" applyFill="1" applyBorder="1" applyAlignment="1">
      <alignment horizontal="center" wrapText="1"/>
    </xf>
    <xf numFmtId="14" fontId="0" fillId="0" borderId="0" xfId="0" applyNumberFormat="1"/>
    <xf numFmtId="0" fontId="3" fillId="0" borderId="0" xfId="1" applyAlignment="1" applyProtection="1"/>
    <xf numFmtId="0" fontId="0" fillId="0" borderId="0" xfId="0"/>
    <xf numFmtId="0" fontId="0" fillId="0" borderId="0" xfId="0"/>
    <xf numFmtId="0" fontId="4" fillId="0" borderId="0" xfId="0" applyFont="1" applyAlignment="1">
      <alignment vertical="center"/>
    </xf>
    <xf numFmtId="0" fontId="1" fillId="2" borderId="1" xfId="0" applyFont="1" applyFill="1" applyBorder="1" applyAlignment="1">
      <alignment horizontal="center" wrapText="1"/>
    </xf>
    <xf numFmtId="0" fontId="0" fillId="0" borderId="0" xfId="0"/>
    <xf numFmtId="0" fontId="2" fillId="3" borderId="1" xfId="0" applyFont="1" applyFill="1" applyBorder="1"/>
  </cellXfs>
  <cellStyles count="2">
    <cellStyle name="Hipervínculo" xfId="1" builtinId="8"/>
    <cellStyle name="Normal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1.bin"/><Relationship Id="rId1" Type="http://schemas.openxmlformats.org/officeDocument/2006/relationships/hyperlink" Target="http://www.smapacampeche.gob.mx/documentos/transp/7404/2021/3/POA2021.pdf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K28"/>
  <sheetViews>
    <sheetView tabSelected="1" topLeftCell="G2" workbookViewId="0">
      <selection activeCell="K19" sqref="K19"/>
    </sheetView>
  </sheetViews>
  <sheetFormatPr baseColWidth="10" defaultColWidth="9.109375" defaultRowHeight="14.4" x14ac:dyDescent="0.3"/>
  <cols>
    <col min="1" max="1" width="8" bestFit="1" customWidth="1"/>
    <col min="2" max="2" width="36.44140625" bestFit="1" customWidth="1"/>
    <col min="3" max="3" width="38.5546875" bestFit="1" customWidth="1"/>
    <col min="4" max="4" width="20.33203125" bestFit="1" customWidth="1"/>
    <col min="5" max="5" width="47.33203125" bestFit="1" customWidth="1"/>
    <col min="6" max="6" width="46" bestFit="1" customWidth="1"/>
    <col min="7" max="7" width="84.5546875" bestFit="1" customWidth="1"/>
    <col min="8" max="8" width="73.109375" bestFit="1" customWidth="1"/>
    <col min="9" max="9" width="17.5546875" bestFit="1" customWidth="1"/>
    <col min="10" max="10" width="20.109375" bestFit="1" customWidth="1"/>
    <col min="11" max="11" width="8" bestFit="1" customWidth="1"/>
  </cols>
  <sheetData>
    <row r="1" spans="1:11" hidden="1" x14ac:dyDescent="0.3">
      <c r="A1" t="s">
        <v>0</v>
      </c>
    </row>
    <row r="2" spans="1:11" x14ac:dyDescent="0.3">
      <c r="A2" s="8" t="s">
        <v>1</v>
      </c>
      <c r="B2" s="9"/>
      <c r="C2" s="9"/>
      <c r="D2" s="8" t="s">
        <v>2</v>
      </c>
      <c r="E2" s="9"/>
      <c r="F2" s="9"/>
      <c r="G2" s="8" t="s">
        <v>3</v>
      </c>
      <c r="H2" s="9"/>
      <c r="I2" s="9"/>
    </row>
    <row r="3" spans="1:11" x14ac:dyDescent="0.3">
      <c r="A3" s="10" t="s">
        <v>4</v>
      </c>
      <c r="B3" s="9"/>
      <c r="C3" s="9"/>
      <c r="D3" s="10" t="s">
        <v>5</v>
      </c>
      <c r="E3" s="9"/>
      <c r="F3" s="9"/>
      <c r="G3" s="10" t="s">
        <v>6</v>
      </c>
      <c r="H3" s="9"/>
      <c r="I3" s="9"/>
    </row>
    <row r="4" spans="1:11" hidden="1" x14ac:dyDescent="0.3">
      <c r="A4" t="s">
        <v>7</v>
      </c>
      <c r="B4" t="s">
        <v>8</v>
      </c>
      <c r="C4" t="s">
        <v>8</v>
      </c>
      <c r="D4" t="s">
        <v>9</v>
      </c>
      <c r="E4" t="s">
        <v>9</v>
      </c>
      <c r="F4" t="s">
        <v>10</v>
      </c>
      <c r="G4" t="s">
        <v>11</v>
      </c>
      <c r="H4" t="s">
        <v>9</v>
      </c>
      <c r="I4" t="s">
        <v>8</v>
      </c>
      <c r="J4" t="s">
        <v>12</v>
      </c>
      <c r="K4" t="s">
        <v>13</v>
      </c>
    </row>
    <row r="5" spans="1:11" hidden="1" x14ac:dyDescent="0.3">
      <c r="A5" t="s">
        <v>14</v>
      </c>
      <c r="B5" t="s">
        <v>15</v>
      </c>
      <c r="C5" t="s">
        <v>16</v>
      </c>
      <c r="D5" t="s">
        <v>17</v>
      </c>
      <c r="E5" t="s">
        <v>18</v>
      </c>
      <c r="F5" t="s">
        <v>19</v>
      </c>
      <c r="G5" t="s">
        <v>20</v>
      </c>
      <c r="H5" t="s">
        <v>21</v>
      </c>
      <c r="I5" t="s">
        <v>22</v>
      </c>
      <c r="J5" t="s">
        <v>23</v>
      </c>
      <c r="K5" t="s">
        <v>24</v>
      </c>
    </row>
    <row r="6" spans="1:11" x14ac:dyDescent="0.3">
      <c r="A6" s="8" t="s">
        <v>25</v>
      </c>
      <c r="B6" s="9"/>
      <c r="C6" s="9"/>
      <c r="D6" s="9"/>
      <c r="E6" s="9"/>
      <c r="F6" s="9"/>
      <c r="G6" s="9"/>
      <c r="H6" s="9"/>
      <c r="I6" s="9"/>
      <c r="J6" s="9"/>
      <c r="K6" s="9"/>
    </row>
    <row r="7" spans="1:11" ht="27" x14ac:dyDescent="0.3">
      <c r="A7" s="2" t="s">
        <v>26</v>
      </c>
      <c r="B7" s="2" t="s">
        <v>27</v>
      </c>
      <c r="C7" s="2" t="s">
        <v>28</v>
      </c>
      <c r="D7" s="2" t="s">
        <v>29</v>
      </c>
      <c r="E7" s="2" t="s">
        <v>30</v>
      </c>
      <c r="F7" s="2" t="s">
        <v>31</v>
      </c>
      <c r="G7" s="2" t="s">
        <v>32</v>
      </c>
      <c r="H7" s="2" t="s">
        <v>33</v>
      </c>
      <c r="I7" s="2" t="s">
        <v>34</v>
      </c>
      <c r="J7" s="2" t="s">
        <v>35</v>
      </c>
      <c r="K7" s="2" t="s">
        <v>36</v>
      </c>
    </row>
    <row r="8" spans="1:11" x14ac:dyDescent="0.3">
      <c r="A8">
        <v>2021</v>
      </c>
      <c r="B8" s="3">
        <v>44378</v>
      </c>
      <c r="C8" s="3">
        <v>44469</v>
      </c>
      <c r="D8" t="s">
        <v>45</v>
      </c>
      <c r="E8" s="7" t="s">
        <v>47</v>
      </c>
      <c r="F8">
        <v>1</v>
      </c>
      <c r="G8" s="4" t="s">
        <v>69</v>
      </c>
      <c r="H8" t="s">
        <v>68</v>
      </c>
      <c r="I8" s="3">
        <v>44480</v>
      </c>
      <c r="J8" s="3">
        <v>44480</v>
      </c>
      <c r="K8" s="5"/>
    </row>
    <row r="9" spans="1:11" x14ac:dyDescent="0.3">
      <c r="A9">
        <v>2021</v>
      </c>
      <c r="B9" s="3">
        <v>44378</v>
      </c>
      <c r="C9" s="3">
        <v>44469</v>
      </c>
      <c r="D9" t="s">
        <v>45</v>
      </c>
      <c r="E9" s="7" t="s">
        <v>48</v>
      </c>
      <c r="F9">
        <v>2</v>
      </c>
      <c r="G9" s="4" t="s">
        <v>69</v>
      </c>
      <c r="H9" s="6" t="s">
        <v>68</v>
      </c>
      <c r="I9" s="3">
        <v>44480</v>
      </c>
      <c r="J9" s="3">
        <v>44480</v>
      </c>
    </row>
    <row r="10" spans="1:11" x14ac:dyDescent="0.3">
      <c r="A10" s="6">
        <v>2021</v>
      </c>
      <c r="B10" s="3">
        <v>44378</v>
      </c>
      <c r="C10" s="3">
        <v>44469</v>
      </c>
      <c r="D10" s="6" t="s">
        <v>45</v>
      </c>
      <c r="E10" s="7" t="s">
        <v>49</v>
      </c>
      <c r="F10">
        <v>3</v>
      </c>
      <c r="G10" s="4" t="s">
        <v>69</v>
      </c>
      <c r="H10" s="6" t="s">
        <v>68</v>
      </c>
      <c r="I10" s="3">
        <v>44480</v>
      </c>
      <c r="J10" s="3">
        <v>44480</v>
      </c>
    </row>
    <row r="11" spans="1:11" x14ac:dyDescent="0.3">
      <c r="A11" s="6">
        <v>2021</v>
      </c>
      <c r="B11" s="3">
        <v>44378</v>
      </c>
      <c r="C11" s="3">
        <v>44469</v>
      </c>
      <c r="D11" s="6" t="s">
        <v>45</v>
      </c>
      <c r="E11" s="7" t="s">
        <v>50</v>
      </c>
      <c r="F11" s="6">
        <v>4</v>
      </c>
      <c r="G11" s="4" t="s">
        <v>69</v>
      </c>
      <c r="H11" s="6" t="s">
        <v>68</v>
      </c>
      <c r="I11" s="3">
        <v>44480</v>
      </c>
      <c r="J11" s="3">
        <v>44480</v>
      </c>
    </row>
    <row r="12" spans="1:11" x14ac:dyDescent="0.3">
      <c r="A12" s="6">
        <v>2021</v>
      </c>
      <c r="B12" s="3">
        <v>44378</v>
      </c>
      <c r="C12" s="3">
        <v>44469</v>
      </c>
      <c r="D12" s="6" t="s">
        <v>45</v>
      </c>
      <c r="E12" s="7" t="s">
        <v>51</v>
      </c>
      <c r="F12" s="6">
        <v>5</v>
      </c>
      <c r="G12" s="4" t="s">
        <v>69</v>
      </c>
      <c r="H12" s="6" t="s">
        <v>68</v>
      </c>
      <c r="I12" s="3">
        <v>44480</v>
      </c>
      <c r="J12" s="3">
        <v>44480</v>
      </c>
    </row>
    <row r="13" spans="1:11" x14ac:dyDescent="0.3">
      <c r="A13" s="6">
        <v>2021</v>
      </c>
      <c r="B13" s="3">
        <v>44378</v>
      </c>
      <c r="C13" s="3">
        <v>44469</v>
      </c>
      <c r="D13" s="6" t="s">
        <v>45</v>
      </c>
      <c r="E13" s="7" t="s">
        <v>52</v>
      </c>
      <c r="F13" s="6">
        <v>6</v>
      </c>
      <c r="G13" s="4" t="s">
        <v>69</v>
      </c>
      <c r="H13" s="6" t="s">
        <v>68</v>
      </c>
      <c r="I13" s="3">
        <v>44480</v>
      </c>
      <c r="J13" s="3">
        <v>44480</v>
      </c>
    </row>
    <row r="14" spans="1:11" x14ac:dyDescent="0.3">
      <c r="A14" s="6">
        <v>2021</v>
      </c>
      <c r="B14" s="3">
        <v>44378</v>
      </c>
      <c r="C14" s="3">
        <v>44469</v>
      </c>
      <c r="D14" s="6" t="s">
        <v>45</v>
      </c>
      <c r="E14" s="7" t="s">
        <v>53</v>
      </c>
      <c r="F14" s="6">
        <v>7</v>
      </c>
      <c r="G14" s="4" t="s">
        <v>69</v>
      </c>
      <c r="H14" s="6" t="s">
        <v>68</v>
      </c>
      <c r="I14" s="3">
        <v>44480</v>
      </c>
      <c r="J14" s="3">
        <v>44480</v>
      </c>
    </row>
    <row r="15" spans="1:11" x14ac:dyDescent="0.3">
      <c r="A15" s="6">
        <v>2021</v>
      </c>
      <c r="B15" s="3">
        <v>44378</v>
      </c>
      <c r="C15" s="3">
        <v>44469</v>
      </c>
      <c r="D15" s="6" t="s">
        <v>45</v>
      </c>
      <c r="E15" s="7" t="s">
        <v>54</v>
      </c>
      <c r="F15" s="6">
        <v>8</v>
      </c>
      <c r="G15" s="4" t="s">
        <v>69</v>
      </c>
      <c r="H15" s="6" t="s">
        <v>68</v>
      </c>
      <c r="I15" s="3">
        <v>44480</v>
      </c>
      <c r="J15" s="3">
        <v>44480</v>
      </c>
    </row>
    <row r="16" spans="1:11" x14ac:dyDescent="0.3">
      <c r="A16" s="6">
        <v>2021</v>
      </c>
      <c r="B16" s="3">
        <v>44378</v>
      </c>
      <c r="C16" s="3">
        <v>44469</v>
      </c>
      <c r="D16" s="6" t="s">
        <v>45</v>
      </c>
      <c r="E16" s="7" t="s">
        <v>55</v>
      </c>
      <c r="F16" s="6">
        <v>9</v>
      </c>
      <c r="G16" s="4" t="s">
        <v>69</v>
      </c>
      <c r="H16" s="6" t="s">
        <v>68</v>
      </c>
      <c r="I16" s="3">
        <v>44480</v>
      </c>
      <c r="J16" s="3">
        <v>44480</v>
      </c>
    </row>
    <row r="17" spans="1:10" x14ac:dyDescent="0.3">
      <c r="A17" s="6">
        <v>2021</v>
      </c>
      <c r="B17" s="3">
        <v>44378</v>
      </c>
      <c r="C17" s="3">
        <v>44469</v>
      </c>
      <c r="D17" s="6" t="s">
        <v>45</v>
      </c>
      <c r="E17" s="7" t="s">
        <v>56</v>
      </c>
      <c r="F17" s="6">
        <v>10</v>
      </c>
      <c r="G17" s="4" t="s">
        <v>69</v>
      </c>
      <c r="H17" s="6" t="s">
        <v>68</v>
      </c>
      <c r="I17" s="3">
        <v>44480</v>
      </c>
      <c r="J17" s="3">
        <v>44480</v>
      </c>
    </row>
    <row r="18" spans="1:10" x14ac:dyDescent="0.3">
      <c r="A18" s="6">
        <v>2021</v>
      </c>
      <c r="B18" s="3">
        <v>44378</v>
      </c>
      <c r="C18" s="3">
        <v>44469</v>
      </c>
      <c r="D18" s="6" t="s">
        <v>45</v>
      </c>
      <c r="E18" s="7" t="s">
        <v>57</v>
      </c>
      <c r="F18" s="6">
        <v>11</v>
      </c>
      <c r="G18" s="4" t="s">
        <v>69</v>
      </c>
      <c r="H18" s="6" t="s">
        <v>68</v>
      </c>
      <c r="I18" s="3">
        <v>44480</v>
      </c>
      <c r="J18" s="3">
        <v>44480</v>
      </c>
    </row>
    <row r="19" spans="1:10" x14ac:dyDescent="0.3">
      <c r="A19" s="6">
        <v>2021</v>
      </c>
      <c r="B19" s="3">
        <v>44378</v>
      </c>
      <c r="C19" s="3">
        <v>44469</v>
      </c>
      <c r="D19" s="6" t="s">
        <v>45</v>
      </c>
      <c r="E19" s="7" t="s">
        <v>58</v>
      </c>
      <c r="F19" s="6">
        <v>12</v>
      </c>
      <c r="G19" s="4" t="s">
        <v>69</v>
      </c>
      <c r="H19" s="6" t="s">
        <v>68</v>
      </c>
      <c r="I19" s="3">
        <v>44480</v>
      </c>
      <c r="J19" s="3">
        <v>44480</v>
      </c>
    </row>
    <row r="20" spans="1:10" x14ac:dyDescent="0.3">
      <c r="A20" s="6">
        <v>2021</v>
      </c>
      <c r="B20" s="3">
        <v>44378</v>
      </c>
      <c r="C20" s="3">
        <v>44469</v>
      </c>
      <c r="D20" s="6" t="s">
        <v>45</v>
      </c>
      <c r="E20" s="7" t="s">
        <v>59</v>
      </c>
      <c r="F20" s="6">
        <v>13</v>
      </c>
      <c r="G20" s="4" t="s">
        <v>69</v>
      </c>
      <c r="H20" s="6" t="s">
        <v>68</v>
      </c>
      <c r="I20" s="3">
        <v>44480</v>
      </c>
      <c r="J20" s="3">
        <v>44480</v>
      </c>
    </row>
    <row r="21" spans="1:10" x14ac:dyDescent="0.3">
      <c r="A21" s="6">
        <v>2021</v>
      </c>
      <c r="B21" s="3">
        <v>44378</v>
      </c>
      <c r="C21" s="3">
        <v>44469</v>
      </c>
      <c r="D21" s="6" t="s">
        <v>45</v>
      </c>
      <c r="E21" s="7" t="s">
        <v>60</v>
      </c>
      <c r="F21" s="6">
        <v>14</v>
      </c>
      <c r="G21" s="4" t="s">
        <v>69</v>
      </c>
      <c r="H21" s="6" t="s">
        <v>68</v>
      </c>
      <c r="I21" s="3">
        <v>44480</v>
      </c>
      <c r="J21" s="3">
        <v>44480</v>
      </c>
    </row>
    <row r="22" spans="1:10" x14ac:dyDescent="0.3">
      <c r="A22" s="6">
        <v>2021</v>
      </c>
      <c r="B22" s="3">
        <v>44378</v>
      </c>
      <c r="C22" s="3">
        <v>44469</v>
      </c>
      <c r="D22" s="6" t="s">
        <v>45</v>
      </c>
      <c r="E22" s="7" t="s">
        <v>61</v>
      </c>
      <c r="F22" s="6">
        <v>15</v>
      </c>
      <c r="G22" s="4" t="s">
        <v>69</v>
      </c>
      <c r="H22" s="6" t="s">
        <v>68</v>
      </c>
      <c r="I22" s="3">
        <v>44480</v>
      </c>
      <c r="J22" s="3">
        <v>44480</v>
      </c>
    </row>
    <row r="23" spans="1:10" x14ac:dyDescent="0.3">
      <c r="A23" s="6">
        <v>2021</v>
      </c>
      <c r="B23" s="3">
        <v>44378</v>
      </c>
      <c r="C23" s="3">
        <v>44469</v>
      </c>
      <c r="D23" s="6" t="s">
        <v>45</v>
      </c>
      <c r="E23" s="7" t="s">
        <v>62</v>
      </c>
      <c r="F23" s="6">
        <v>16</v>
      </c>
      <c r="G23" s="4" t="s">
        <v>69</v>
      </c>
      <c r="H23" s="6" t="s">
        <v>68</v>
      </c>
      <c r="I23" s="3">
        <v>44480</v>
      </c>
      <c r="J23" s="3">
        <v>44480</v>
      </c>
    </row>
    <row r="24" spans="1:10" x14ac:dyDescent="0.3">
      <c r="A24" s="6">
        <v>2021</v>
      </c>
      <c r="B24" s="3">
        <v>44378</v>
      </c>
      <c r="C24" s="3">
        <v>44469</v>
      </c>
      <c r="D24" s="6" t="s">
        <v>45</v>
      </c>
      <c r="E24" s="7" t="s">
        <v>63</v>
      </c>
      <c r="F24" s="6">
        <v>17</v>
      </c>
      <c r="G24" s="4" t="s">
        <v>69</v>
      </c>
      <c r="H24" s="6" t="s">
        <v>68</v>
      </c>
      <c r="I24" s="3">
        <v>44480</v>
      </c>
      <c r="J24" s="3">
        <v>44480</v>
      </c>
    </row>
    <row r="25" spans="1:10" x14ac:dyDescent="0.3">
      <c r="A25" s="6">
        <v>2021</v>
      </c>
      <c r="B25" s="3">
        <v>44378</v>
      </c>
      <c r="C25" s="3">
        <v>44469</v>
      </c>
      <c r="D25" s="6" t="s">
        <v>45</v>
      </c>
      <c r="E25" s="7" t="s">
        <v>64</v>
      </c>
      <c r="F25" s="6">
        <v>18</v>
      </c>
      <c r="G25" s="4" t="s">
        <v>69</v>
      </c>
      <c r="H25" s="6" t="s">
        <v>68</v>
      </c>
      <c r="I25" s="3">
        <v>44480</v>
      </c>
      <c r="J25" s="3">
        <v>44480</v>
      </c>
    </row>
    <row r="26" spans="1:10" x14ac:dyDescent="0.3">
      <c r="A26" s="6">
        <v>2021</v>
      </c>
      <c r="B26" s="3">
        <v>44378</v>
      </c>
      <c r="C26" s="3">
        <v>44469</v>
      </c>
      <c r="D26" s="6" t="s">
        <v>45</v>
      </c>
      <c r="E26" s="7" t="s">
        <v>65</v>
      </c>
      <c r="F26" s="6">
        <v>19</v>
      </c>
      <c r="G26" s="4" t="s">
        <v>69</v>
      </c>
      <c r="H26" s="6" t="s">
        <v>68</v>
      </c>
      <c r="I26" s="3">
        <v>44480</v>
      </c>
      <c r="J26" s="3">
        <v>44480</v>
      </c>
    </row>
    <row r="27" spans="1:10" x14ac:dyDescent="0.3">
      <c r="A27" s="6">
        <v>2021</v>
      </c>
      <c r="B27" s="3">
        <v>44378</v>
      </c>
      <c r="C27" s="3">
        <v>44469</v>
      </c>
      <c r="D27" s="6" t="s">
        <v>45</v>
      </c>
      <c r="E27" s="7" t="s">
        <v>66</v>
      </c>
      <c r="F27" s="6">
        <v>20</v>
      </c>
      <c r="G27" s="4" t="s">
        <v>69</v>
      </c>
      <c r="H27" s="6" t="s">
        <v>68</v>
      </c>
      <c r="I27" s="3">
        <v>44480</v>
      </c>
      <c r="J27" s="3">
        <v>44480</v>
      </c>
    </row>
    <row r="28" spans="1:10" x14ac:dyDescent="0.3">
      <c r="A28" s="6">
        <v>2021</v>
      </c>
      <c r="B28" s="3">
        <v>44378</v>
      </c>
      <c r="C28" s="3">
        <v>44469</v>
      </c>
      <c r="D28" s="6" t="s">
        <v>45</v>
      </c>
      <c r="E28" s="7" t="s">
        <v>67</v>
      </c>
      <c r="F28" s="6">
        <v>21</v>
      </c>
      <c r="G28" s="4" t="s">
        <v>69</v>
      </c>
      <c r="H28" s="6" t="s">
        <v>68</v>
      </c>
      <c r="I28" s="3">
        <v>44480</v>
      </c>
      <c r="J28" s="3">
        <v>44480</v>
      </c>
    </row>
  </sheetData>
  <mergeCells count="7">
    <mergeCell ref="A6:K6"/>
    <mergeCell ref="A2:C2"/>
    <mergeCell ref="D2:F2"/>
    <mergeCell ref="G2:I2"/>
    <mergeCell ref="A3:C3"/>
    <mergeCell ref="D3:F3"/>
    <mergeCell ref="G3:I3"/>
  </mergeCells>
  <hyperlinks>
    <hyperlink ref="G8" r:id="rId1" xr:uid="{00000000-0004-0000-0000-000000000000}"/>
  </hyperlinks>
  <pageMargins left="0.7" right="0.7" top="0.75" bottom="0.75" header="0.3" footer="0.3"/>
  <pageSetup orientation="portrait" horizontalDpi="0" verticalDpi="0"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D24"/>
  <sheetViews>
    <sheetView topLeftCell="A3" workbookViewId="0">
      <selection activeCell="J16" sqref="J16"/>
    </sheetView>
  </sheetViews>
  <sheetFormatPr baseColWidth="10" defaultColWidth="9.109375" defaultRowHeight="14.4" x14ac:dyDescent="0.3"/>
  <cols>
    <col min="1" max="1" width="3.44140625" bestFit="1" customWidth="1"/>
    <col min="2" max="2" width="24.109375" bestFit="1" customWidth="1"/>
    <col min="3" max="3" width="20.44140625" bestFit="1" customWidth="1"/>
    <col min="4" max="4" width="20" bestFit="1" customWidth="1"/>
  </cols>
  <sheetData>
    <row r="1" spans="1:4" hidden="1" x14ac:dyDescent="0.3">
      <c r="B1" t="s">
        <v>9</v>
      </c>
      <c r="C1" t="s">
        <v>9</v>
      </c>
      <c r="D1" t="s">
        <v>9</v>
      </c>
    </row>
    <row r="2" spans="1:4" hidden="1" x14ac:dyDescent="0.3">
      <c r="B2" t="s">
        <v>37</v>
      </c>
      <c r="C2" t="s">
        <v>38</v>
      </c>
      <c r="D2" t="s">
        <v>39</v>
      </c>
    </row>
    <row r="3" spans="1:4" x14ac:dyDescent="0.3">
      <c r="A3" s="1" t="s">
        <v>40</v>
      </c>
      <c r="B3" s="1" t="s">
        <v>41</v>
      </c>
      <c r="C3" s="1" t="s">
        <v>42</v>
      </c>
      <c r="D3" s="1" t="s">
        <v>43</v>
      </c>
    </row>
    <row r="4" spans="1:4" x14ac:dyDescent="0.3">
      <c r="A4">
        <v>1</v>
      </c>
      <c r="B4" t="s">
        <v>46</v>
      </c>
      <c r="C4">
        <v>100</v>
      </c>
      <c r="D4" t="s">
        <v>44</v>
      </c>
    </row>
    <row r="5" spans="1:4" x14ac:dyDescent="0.3">
      <c r="A5">
        <v>2</v>
      </c>
      <c r="B5" s="6" t="s">
        <v>46</v>
      </c>
      <c r="C5" s="6">
        <v>100</v>
      </c>
      <c r="D5" s="6" t="s">
        <v>44</v>
      </c>
    </row>
    <row r="6" spans="1:4" x14ac:dyDescent="0.3">
      <c r="A6">
        <v>3</v>
      </c>
      <c r="B6" s="6" t="s">
        <v>46</v>
      </c>
      <c r="C6" s="6">
        <v>100</v>
      </c>
      <c r="D6" s="6" t="s">
        <v>44</v>
      </c>
    </row>
    <row r="7" spans="1:4" x14ac:dyDescent="0.3">
      <c r="A7" s="6">
        <v>4</v>
      </c>
      <c r="B7" s="6" t="s">
        <v>46</v>
      </c>
      <c r="C7" s="6">
        <v>100</v>
      </c>
      <c r="D7" s="6" t="s">
        <v>44</v>
      </c>
    </row>
    <row r="8" spans="1:4" x14ac:dyDescent="0.3">
      <c r="A8" s="6">
        <v>5</v>
      </c>
      <c r="B8" s="6" t="s">
        <v>46</v>
      </c>
      <c r="C8" s="6">
        <v>100</v>
      </c>
      <c r="D8" s="6" t="s">
        <v>44</v>
      </c>
    </row>
    <row r="9" spans="1:4" x14ac:dyDescent="0.3">
      <c r="A9" s="6">
        <v>6</v>
      </c>
      <c r="B9" s="6" t="s">
        <v>46</v>
      </c>
      <c r="C9" s="6">
        <v>100</v>
      </c>
      <c r="D9" s="6" t="s">
        <v>44</v>
      </c>
    </row>
    <row r="10" spans="1:4" x14ac:dyDescent="0.3">
      <c r="A10" s="6">
        <v>7</v>
      </c>
      <c r="B10" s="6" t="s">
        <v>46</v>
      </c>
      <c r="C10" s="6">
        <v>100</v>
      </c>
      <c r="D10" s="6" t="s">
        <v>44</v>
      </c>
    </row>
    <row r="11" spans="1:4" x14ac:dyDescent="0.3">
      <c r="A11" s="6">
        <v>8</v>
      </c>
      <c r="B11" s="6" t="s">
        <v>46</v>
      </c>
      <c r="C11" s="6">
        <v>100</v>
      </c>
      <c r="D11" s="6" t="s">
        <v>44</v>
      </c>
    </row>
    <row r="12" spans="1:4" x14ac:dyDescent="0.3">
      <c r="A12" s="6">
        <v>9</v>
      </c>
      <c r="B12" s="6" t="s">
        <v>46</v>
      </c>
      <c r="C12" s="6">
        <v>100</v>
      </c>
      <c r="D12" s="6" t="s">
        <v>44</v>
      </c>
    </row>
    <row r="13" spans="1:4" x14ac:dyDescent="0.3">
      <c r="A13" s="6">
        <v>10</v>
      </c>
      <c r="B13" s="6" t="s">
        <v>46</v>
      </c>
      <c r="C13" s="6">
        <v>100</v>
      </c>
      <c r="D13" s="6" t="s">
        <v>44</v>
      </c>
    </row>
    <row r="14" spans="1:4" x14ac:dyDescent="0.3">
      <c r="A14" s="6">
        <v>11</v>
      </c>
      <c r="B14" s="6" t="s">
        <v>46</v>
      </c>
      <c r="C14" s="6">
        <v>100</v>
      </c>
      <c r="D14" s="6" t="s">
        <v>44</v>
      </c>
    </row>
    <row r="15" spans="1:4" x14ac:dyDescent="0.3">
      <c r="A15" s="6">
        <v>12</v>
      </c>
      <c r="B15" s="6" t="s">
        <v>46</v>
      </c>
      <c r="C15" s="6">
        <v>100</v>
      </c>
      <c r="D15" s="6" t="s">
        <v>44</v>
      </c>
    </row>
    <row r="16" spans="1:4" x14ac:dyDescent="0.3">
      <c r="A16" s="6">
        <v>13</v>
      </c>
      <c r="B16" s="6" t="s">
        <v>46</v>
      </c>
      <c r="C16" s="6">
        <v>100</v>
      </c>
      <c r="D16" s="6" t="s">
        <v>44</v>
      </c>
    </row>
    <row r="17" spans="1:4" x14ac:dyDescent="0.3">
      <c r="A17" s="6">
        <v>14</v>
      </c>
      <c r="B17" s="6" t="s">
        <v>46</v>
      </c>
      <c r="C17" s="6">
        <v>100</v>
      </c>
      <c r="D17" s="6" t="s">
        <v>44</v>
      </c>
    </row>
    <row r="18" spans="1:4" x14ac:dyDescent="0.3">
      <c r="A18" s="6">
        <v>15</v>
      </c>
      <c r="B18" s="6" t="s">
        <v>46</v>
      </c>
      <c r="C18" s="6">
        <v>100</v>
      </c>
      <c r="D18" s="6" t="s">
        <v>44</v>
      </c>
    </row>
    <row r="19" spans="1:4" x14ac:dyDescent="0.3">
      <c r="A19" s="6">
        <v>16</v>
      </c>
      <c r="B19" s="6" t="s">
        <v>46</v>
      </c>
      <c r="C19" s="6">
        <v>100</v>
      </c>
      <c r="D19" s="6" t="s">
        <v>44</v>
      </c>
    </row>
    <row r="20" spans="1:4" x14ac:dyDescent="0.3">
      <c r="A20" s="6">
        <v>17</v>
      </c>
      <c r="B20" s="6" t="s">
        <v>46</v>
      </c>
      <c r="C20" s="6">
        <v>100</v>
      </c>
      <c r="D20" s="6" t="s">
        <v>44</v>
      </c>
    </row>
    <row r="21" spans="1:4" x14ac:dyDescent="0.3">
      <c r="A21" s="6">
        <v>18</v>
      </c>
      <c r="B21" s="6" t="s">
        <v>46</v>
      </c>
      <c r="C21" s="6">
        <v>100</v>
      </c>
      <c r="D21" s="6" t="s">
        <v>44</v>
      </c>
    </row>
    <row r="22" spans="1:4" x14ac:dyDescent="0.3">
      <c r="A22" s="6">
        <v>19</v>
      </c>
      <c r="B22" s="6" t="s">
        <v>46</v>
      </c>
      <c r="C22" s="6">
        <v>100</v>
      </c>
      <c r="D22" s="6" t="s">
        <v>44</v>
      </c>
    </row>
    <row r="23" spans="1:4" x14ac:dyDescent="0.3">
      <c r="A23" s="6">
        <v>20</v>
      </c>
      <c r="B23" s="6" t="s">
        <v>46</v>
      </c>
      <c r="C23" s="6">
        <v>100</v>
      </c>
      <c r="D23" s="6" t="s">
        <v>44</v>
      </c>
    </row>
    <row r="24" spans="1:4" x14ac:dyDescent="0.3">
      <c r="A24" s="6">
        <v>21</v>
      </c>
      <c r="B24" s="6" t="s">
        <v>46</v>
      </c>
      <c r="C24" s="6">
        <v>100</v>
      </c>
      <c r="D24" s="6" t="s">
        <v>44</v>
      </c>
    </row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Hojas de cálculo</vt:lpstr>
      </vt:variant>
      <vt:variant>
        <vt:i4>2</vt:i4>
      </vt:variant>
    </vt:vector>
  </HeadingPairs>
  <TitlesOfParts>
    <vt:vector size="2" baseType="lpstr">
      <vt:lpstr>Reporte de Formatos</vt:lpstr>
      <vt:lpstr>Tabla_343074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MARY_PLANEACION</cp:lastModifiedBy>
  <dcterms:created xsi:type="dcterms:W3CDTF">2020-04-24T21:33:06Z</dcterms:created>
  <dcterms:modified xsi:type="dcterms:W3CDTF">2021-10-12T18:56:10Z</dcterms:modified>
</cp:coreProperties>
</file>